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9\HP2309\"/>
    </mc:Choice>
  </mc:AlternateContent>
  <bookViews>
    <workbookView xWindow="0" yWindow="0" windowWidth="23040" windowHeight="9096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7" uniqueCount="34">
  <si>
    <t>富山市の人口</t>
  </si>
  <si>
    <t>住民基本台帳人口</t>
  </si>
  <si>
    <t>令和　　5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５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7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Fill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9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5060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7058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8631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8427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1</v>
      </c>
      <c r="C18" s="50">
        <v>102</v>
      </c>
      <c r="D18" s="51">
        <v>213</v>
      </c>
      <c r="E18" s="50">
        <v>302</v>
      </c>
      <c r="F18" s="50">
        <v>291</v>
      </c>
      <c r="G18" s="51">
        <v>593</v>
      </c>
      <c r="H18" s="51">
        <v>-380</v>
      </c>
      <c r="I18" s="50">
        <v>260</v>
      </c>
      <c r="J18" s="50">
        <v>93</v>
      </c>
      <c r="K18" s="50">
        <v>82</v>
      </c>
      <c r="L18" s="51">
        <v>175</v>
      </c>
      <c r="M18" s="50">
        <v>360</v>
      </c>
      <c r="N18" s="50">
        <v>295</v>
      </c>
      <c r="O18" s="50">
        <v>235</v>
      </c>
      <c r="P18" s="51">
        <v>530</v>
      </c>
      <c r="Q18" s="51">
        <v>705</v>
      </c>
      <c r="R18" s="50">
        <v>437</v>
      </c>
      <c r="S18" s="50">
        <v>116</v>
      </c>
      <c r="T18" s="50">
        <v>99</v>
      </c>
      <c r="U18" s="51">
        <v>215</v>
      </c>
      <c r="V18" s="50">
        <v>337</v>
      </c>
      <c r="W18" s="50">
        <v>341</v>
      </c>
      <c r="X18" s="50">
        <v>232</v>
      </c>
      <c r="Y18" s="51">
        <v>573</v>
      </c>
      <c r="Z18" s="51">
        <v>788</v>
      </c>
      <c r="AA18" s="51">
        <v>-83</v>
      </c>
      <c r="AB18" s="51">
        <v>-463</v>
      </c>
      <c r="AC18" s="52">
        <v>183882</v>
      </c>
      <c r="AD18" s="52">
        <v>199328</v>
      </c>
      <c r="AE18" s="52">
        <v>209284</v>
      </c>
      <c r="AF18" s="53">
        <v>408612</v>
      </c>
    </row>
    <row r="19" spans="1:32" ht="20.100000000000001" customHeight="1" x14ac:dyDescent="0.2">
      <c r="A19" s="54">
        <v>2</v>
      </c>
      <c r="B19" s="55">
        <v>84</v>
      </c>
      <c r="C19" s="55">
        <v>87</v>
      </c>
      <c r="D19" s="56">
        <v>171</v>
      </c>
      <c r="E19" s="55">
        <v>255</v>
      </c>
      <c r="F19" s="55">
        <v>261</v>
      </c>
      <c r="G19" s="56">
        <v>516</v>
      </c>
      <c r="H19" s="56">
        <v>-345</v>
      </c>
      <c r="I19" s="55">
        <v>300</v>
      </c>
      <c r="J19" s="55">
        <v>94</v>
      </c>
      <c r="K19" s="55">
        <v>111</v>
      </c>
      <c r="L19" s="56">
        <v>205</v>
      </c>
      <c r="M19" s="55">
        <v>388</v>
      </c>
      <c r="N19" s="55">
        <v>348</v>
      </c>
      <c r="O19" s="55">
        <v>231</v>
      </c>
      <c r="P19" s="56">
        <v>579</v>
      </c>
      <c r="Q19" s="56">
        <v>784</v>
      </c>
      <c r="R19" s="55">
        <v>434</v>
      </c>
      <c r="S19" s="55">
        <v>144</v>
      </c>
      <c r="T19" s="55">
        <v>102</v>
      </c>
      <c r="U19" s="56">
        <v>246</v>
      </c>
      <c r="V19" s="55">
        <v>326</v>
      </c>
      <c r="W19" s="55">
        <v>293</v>
      </c>
      <c r="X19" s="55">
        <v>219</v>
      </c>
      <c r="Y19" s="56">
        <v>512</v>
      </c>
      <c r="Z19" s="56">
        <v>758</v>
      </c>
      <c r="AA19" s="56">
        <v>26</v>
      </c>
      <c r="AB19" s="56">
        <v>-319</v>
      </c>
      <c r="AC19" s="57">
        <v>183810</v>
      </c>
      <c r="AD19" s="57">
        <v>199162</v>
      </c>
      <c r="AE19" s="57">
        <v>209131</v>
      </c>
      <c r="AF19" s="58">
        <v>408293</v>
      </c>
    </row>
    <row r="20" spans="1:32" ht="20.100000000000001" customHeight="1" x14ac:dyDescent="0.2">
      <c r="A20" s="54">
        <v>3</v>
      </c>
      <c r="B20" s="55">
        <v>105</v>
      </c>
      <c r="C20" s="55">
        <v>112</v>
      </c>
      <c r="D20" s="56">
        <v>217</v>
      </c>
      <c r="E20" s="55">
        <v>258</v>
      </c>
      <c r="F20" s="55">
        <v>298</v>
      </c>
      <c r="G20" s="56">
        <v>556</v>
      </c>
      <c r="H20" s="56">
        <v>-339</v>
      </c>
      <c r="I20" s="55">
        <v>589</v>
      </c>
      <c r="J20" s="55">
        <v>250</v>
      </c>
      <c r="K20" s="55">
        <v>265</v>
      </c>
      <c r="L20" s="56">
        <v>515</v>
      </c>
      <c r="M20" s="55">
        <v>1192</v>
      </c>
      <c r="N20" s="55">
        <v>990</v>
      </c>
      <c r="O20" s="55">
        <v>754</v>
      </c>
      <c r="P20" s="56">
        <v>1744</v>
      </c>
      <c r="Q20" s="56">
        <v>2259</v>
      </c>
      <c r="R20" s="55">
        <v>609</v>
      </c>
      <c r="S20" s="55">
        <v>275</v>
      </c>
      <c r="T20" s="55">
        <v>236</v>
      </c>
      <c r="U20" s="56">
        <v>511</v>
      </c>
      <c r="V20" s="55">
        <v>911</v>
      </c>
      <c r="W20" s="55">
        <v>1223</v>
      </c>
      <c r="X20" s="55">
        <v>937</v>
      </c>
      <c r="Y20" s="56">
        <v>2160</v>
      </c>
      <c r="Z20" s="56">
        <v>2671</v>
      </c>
      <c r="AA20" s="56">
        <v>-412</v>
      </c>
      <c r="AB20" s="56">
        <v>-751</v>
      </c>
      <c r="AC20" s="57">
        <v>184071</v>
      </c>
      <c r="AD20" s="57">
        <v>198751</v>
      </c>
      <c r="AE20" s="57">
        <v>208791</v>
      </c>
      <c r="AF20" s="58">
        <v>407542</v>
      </c>
    </row>
    <row r="21" spans="1:32" ht="20.100000000000001" customHeight="1" x14ac:dyDescent="0.2">
      <c r="A21" s="54">
        <v>4</v>
      </c>
      <c r="B21" s="55">
        <v>109</v>
      </c>
      <c r="C21" s="55">
        <v>105</v>
      </c>
      <c r="D21" s="56">
        <v>214</v>
      </c>
      <c r="E21" s="55">
        <v>203</v>
      </c>
      <c r="F21" s="55">
        <v>208</v>
      </c>
      <c r="G21" s="56">
        <v>411</v>
      </c>
      <c r="H21" s="56">
        <v>-197</v>
      </c>
      <c r="I21" s="55">
        <v>528</v>
      </c>
      <c r="J21" s="55">
        <v>248</v>
      </c>
      <c r="K21" s="55">
        <v>176</v>
      </c>
      <c r="L21" s="56">
        <v>424</v>
      </c>
      <c r="M21" s="55">
        <v>1142</v>
      </c>
      <c r="N21" s="55">
        <v>910</v>
      </c>
      <c r="O21" s="55">
        <v>635</v>
      </c>
      <c r="P21" s="56">
        <v>1545</v>
      </c>
      <c r="Q21" s="56">
        <v>1969</v>
      </c>
      <c r="R21" s="55">
        <v>475</v>
      </c>
      <c r="S21" s="55">
        <v>199</v>
      </c>
      <c r="T21" s="55">
        <v>175</v>
      </c>
      <c r="U21" s="56">
        <v>374</v>
      </c>
      <c r="V21" s="55">
        <v>580</v>
      </c>
      <c r="W21" s="55">
        <v>680</v>
      </c>
      <c r="X21" s="55">
        <v>470</v>
      </c>
      <c r="Y21" s="56">
        <v>1150</v>
      </c>
      <c r="Z21" s="56">
        <v>1524</v>
      </c>
      <c r="AA21" s="56">
        <v>445</v>
      </c>
      <c r="AB21" s="56">
        <v>248</v>
      </c>
      <c r="AC21" s="57">
        <v>184686</v>
      </c>
      <c r="AD21" s="57">
        <v>198936</v>
      </c>
      <c r="AE21" s="57">
        <v>208854</v>
      </c>
      <c r="AF21" s="58">
        <v>407790</v>
      </c>
    </row>
    <row r="22" spans="1:32" ht="20.100000000000001" customHeight="1" x14ac:dyDescent="0.2">
      <c r="A22" s="54">
        <v>5</v>
      </c>
      <c r="B22" s="55">
        <v>101</v>
      </c>
      <c r="C22" s="55">
        <v>111</v>
      </c>
      <c r="D22" s="56">
        <v>212</v>
      </c>
      <c r="E22" s="55">
        <v>220</v>
      </c>
      <c r="F22" s="55">
        <v>244</v>
      </c>
      <c r="G22" s="56">
        <v>464</v>
      </c>
      <c r="H22" s="56">
        <v>-252</v>
      </c>
      <c r="I22" s="55">
        <v>321</v>
      </c>
      <c r="J22" s="55">
        <v>114</v>
      </c>
      <c r="K22" s="55">
        <v>122</v>
      </c>
      <c r="L22" s="56">
        <v>236</v>
      </c>
      <c r="M22" s="55">
        <v>476</v>
      </c>
      <c r="N22" s="55">
        <v>404</v>
      </c>
      <c r="O22" s="55">
        <v>277</v>
      </c>
      <c r="P22" s="56">
        <v>681</v>
      </c>
      <c r="Q22" s="56">
        <v>917</v>
      </c>
      <c r="R22" s="55">
        <v>416</v>
      </c>
      <c r="S22" s="55">
        <v>147</v>
      </c>
      <c r="T22" s="55">
        <v>137</v>
      </c>
      <c r="U22" s="56">
        <v>284</v>
      </c>
      <c r="V22" s="55">
        <v>311</v>
      </c>
      <c r="W22" s="55">
        <v>337</v>
      </c>
      <c r="X22" s="55">
        <v>250</v>
      </c>
      <c r="Y22" s="56">
        <v>587</v>
      </c>
      <c r="Z22" s="56">
        <v>871</v>
      </c>
      <c r="AA22" s="56">
        <v>46</v>
      </c>
      <c r="AB22" s="56">
        <v>-206</v>
      </c>
      <c r="AC22" s="57">
        <v>184756</v>
      </c>
      <c r="AD22" s="57">
        <v>198851</v>
      </c>
      <c r="AE22" s="57">
        <v>208733</v>
      </c>
      <c r="AF22" s="58">
        <v>407584</v>
      </c>
    </row>
    <row r="23" spans="1:32" s="64" customFormat="1" ht="20.100000000000001" customHeight="1" x14ac:dyDescent="0.2">
      <c r="A23" s="59">
        <v>6</v>
      </c>
      <c r="B23" s="60">
        <v>107</v>
      </c>
      <c r="C23" s="60">
        <v>90</v>
      </c>
      <c r="D23" s="61">
        <v>197</v>
      </c>
      <c r="E23" s="60">
        <v>191</v>
      </c>
      <c r="F23" s="60">
        <v>217</v>
      </c>
      <c r="G23" s="61">
        <v>408</v>
      </c>
      <c r="H23" s="61">
        <v>-211</v>
      </c>
      <c r="I23" s="60">
        <v>305</v>
      </c>
      <c r="J23" s="60">
        <v>95</v>
      </c>
      <c r="K23" s="60">
        <v>93</v>
      </c>
      <c r="L23" s="61">
        <v>188</v>
      </c>
      <c r="M23" s="60">
        <v>387</v>
      </c>
      <c r="N23" s="60">
        <v>342</v>
      </c>
      <c r="O23" s="60">
        <v>235</v>
      </c>
      <c r="P23" s="61">
        <v>577</v>
      </c>
      <c r="Q23" s="61">
        <v>765</v>
      </c>
      <c r="R23" s="60">
        <v>377</v>
      </c>
      <c r="S23" s="60">
        <v>121</v>
      </c>
      <c r="T23" s="60">
        <v>92</v>
      </c>
      <c r="U23" s="61">
        <v>213</v>
      </c>
      <c r="V23" s="60">
        <v>255</v>
      </c>
      <c r="W23" s="60">
        <v>257</v>
      </c>
      <c r="X23" s="60">
        <v>174</v>
      </c>
      <c r="Y23" s="61">
        <v>431</v>
      </c>
      <c r="Z23" s="61">
        <v>644</v>
      </c>
      <c r="AA23" s="61">
        <v>121</v>
      </c>
      <c r="AB23" s="61">
        <v>-90</v>
      </c>
      <c r="AC23" s="62">
        <v>184816</v>
      </c>
      <c r="AD23" s="62">
        <v>198826</v>
      </c>
      <c r="AE23" s="62">
        <v>208668</v>
      </c>
      <c r="AF23" s="63">
        <v>407494</v>
      </c>
    </row>
    <row r="24" spans="1:32" ht="20.100000000000001" customHeight="1" x14ac:dyDescent="0.2">
      <c r="A24" s="54">
        <v>7</v>
      </c>
      <c r="B24" s="55">
        <v>117</v>
      </c>
      <c r="C24" s="55">
        <v>112</v>
      </c>
      <c r="D24" s="56">
        <v>229</v>
      </c>
      <c r="E24" s="55">
        <v>179</v>
      </c>
      <c r="F24" s="55">
        <v>199</v>
      </c>
      <c r="G24" s="56">
        <v>378</v>
      </c>
      <c r="H24" s="56">
        <v>-149</v>
      </c>
      <c r="I24" s="55">
        <v>347</v>
      </c>
      <c r="J24" s="55">
        <v>120</v>
      </c>
      <c r="K24" s="55">
        <v>121</v>
      </c>
      <c r="L24" s="56">
        <v>241</v>
      </c>
      <c r="M24" s="55">
        <v>461</v>
      </c>
      <c r="N24" s="55">
        <v>401</v>
      </c>
      <c r="O24" s="55">
        <v>253</v>
      </c>
      <c r="P24" s="56">
        <v>654</v>
      </c>
      <c r="Q24" s="56">
        <v>895</v>
      </c>
      <c r="R24" s="55">
        <v>331</v>
      </c>
      <c r="S24" s="55">
        <v>96</v>
      </c>
      <c r="T24" s="55">
        <v>93</v>
      </c>
      <c r="U24" s="56">
        <v>189</v>
      </c>
      <c r="V24" s="55">
        <v>304</v>
      </c>
      <c r="W24" s="55">
        <v>329</v>
      </c>
      <c r="X24" s="55">
        <v>236</v>
      </c>
      <c r="Y24" s="56">
        <v>565</v>
      </c>
      <c r="Z24" s="56">
        <v>754</v>
      </c>
      <c r="AA24" s="56">
        <v>141</v>
      </c>
      <c r="AB24" s="56">
        <v>-8</v>
      </c>
      <c r="AC24" s="57">
        <v>184989</v>
      </c>
      <c r="AD24" s="57">
        <v>198860</v>
      </c>
      <c r="AE24" s="57">
        <v>208626</v>
      </c>
      <c r="AF24" s="58">
        <v>407486</v>
      </c>
    </row>
    <row r="25" spans="1:32" ht="20.100000000000001" customHeight="1" x14ac:dyDescent="0.2">
      <c r="A25" s="54">
        <v>8</v>
      </c>
      <c r="B25" s="55">
        <v>133</v>
      </c>
      <c r="C25" s="55">
        <v>99</v>
      </c>
      <c r="D25" s="56">
        <v>232</v>
      </c>
      <c r="E25" s="55">
        <v>229</v>
      </c>
      <c r="F25" s="55">
        <v>222</v>
      </c>
      <c r="G25" s="56">
        <v>451</v>
      </c>
      <c r="H25" s="56">
        <v>-219</v>
      </c>
      <c r="I25" s="55">
        <v>352</v>
      </c>
      <c r="J25" s="55">
        <v>121</v>
      </c>
      <c r="K25" s="55">
        <v>132</v>
      </c>
      <c r="L25" s="56">
        <v>253</v>
      </c>
      <c r="M25" s="55">
        <v>451</v>
      </c>
      <c r="N25" s="55">
        <v>368</v>
      </c>
      <c r="O25" s="55">
        <v>280</v>
      </c>
      <c r="P25" s="56">
        <v>648</v>
      </c>
      <c r="Q25" s="56">
        <v>901</v>
      </c>
      <c r="R25" s="55">
        <v>399</v>
      </c>
      <c r="S25" s="55">
        <v>129</v>
      </c>
      <c r="T25" s="55">
        <v>101</v>
      </c>
      <c r="U25" s="56">
        <v>230</v>
      </c>
      <c r="V25" s="55">
        <v>362</v>
      </c>
      <c r="W25" s="55">
        <v>398</v>
      </c>
      <c r="X25" s="55">
        <v>252</v>
      </c>
      <c r="Y25" s="56">
        <v>650</v>
      </c>
      <c r="Z25" s="56">
        <v>880</v>
      </c>
      <c r="AA25" s="56">
        <v>21</v>
      </c>
      <c r="AB25" s="56">
        <v>-198</v>
      </c>
      <c r="AC25" s="57">
        <v>185031</v>
      </c>
      <c r="AD25" s="57">
        <v>198726</v>
      </c>
      <c r="AE25" s="57">
        <v>208562</v>
      </c>
      <c r="AF25" s="58">
        <v>407288</v>
      </c>
    </row>
    <row r="26" spans="1:32" ht="20.100000000000001" customHeight="1" x14ac:dyDescent="0.2">
      <c r="A26" s="54">
        <v>9</v>
      </c>
      <c r="B26" s="55">
        <v>107</v>
      </c>
      <c r="C26" s="55">
        <v>110</v>
      </c>
      <c r="D26" s="56">
        <v>217</v>
      </c>
      <c r="E26" s="55">
        <v>222</v>
      </c>
      <c r="F26" s="55">
        <v>220</v>
      </c>
      <c r="G26" s="56">
        <v>442</v>
      </c>
      <c r="H26" s="56">
        <v>-225</v>
      </c>
      <c r="I26" s="55">
        <v>324</v>
      </c>
      <c r="J26" s="55">
        <v>115</v>
      </c>
      <c r="K26" s="55">
        <v>94</v>
      </c>
      <c r="L26" s="56">
        <v>209</v>
      </c>
      <c r="M26" s="55">
        <v>453</v>
      </c>
      <c r="N26" s="55">
        <v>370</v>
      </c>
      <c r="O26" s="55">
        <v>231</v>
      </c>
      <c r="P26" s="56">
        <v>601</v>
      </c>
      <c r="Q26" s="56">
        <v>810</v>
      </c>
      <c r="R26" s="55">
        <v>392</v>
      </c>
      <c r="S26" s="55">
        <v>132</v>
      </c>
      <c r="T26" s="55">
        <v>111</v>
      </c>
      <c r="U26" s="56">
        <v>243</v>
      </c>
      <c r="V26" s="55">
        <v>356</v>
      </c>
      <c r="W26" s="55">
        <v>333</v>
      </c>
      <c r="X26" s="55">
        <v>239</v>
      </c>
      <c r="Y26" s="56">
        <v>572</v>
      </c>
      <c r="Z26" s="56">
        <v>815</v>
      </c>
      <c r="AA26" s="56">
        <v>-5</v>
      </c>
      <c r="AB26" s="56">
        <v>-230</v>
      </c>
      <c r="AC26" s="57">
        <v>185060</v>
      </c>
      <c r="AD26" s="57">
        <v>198631</v>
      </c>
      <c r="AE26" s="57">
        <v>208427</v>
      </c>
      <c r="AF26" s="58">
        <v>407058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9" t="s">
        <v>29</v>
      </c>
      <c r="AE29" s="68" t="s">
        <v>29</v>
      </c>
      <c r="AF29" s="70">
        <v>0</v>
      </c>
    </row>
    <row r="30" spans="1:32" ht="20.100000000000001" customHeight="1" x14ac:dyDescent="0.2">
      <c r="A30" s="45" t="s">
        <v>24</v>
      </c>
      <c r="B30" s="71">
        <v>974</v>
      </c>
      <c r="C30" s="71">
        <v>928</v>
      </c>
      <c r="D30" s="71">
        <v>1902</v>
      </c>
      <c r="E30" s="71">
        <v>2059</v>
      </c>
      <c r="F30" s="71">
        <v>2160</v>
      </c>
      <c r="G30" s="71">
        <v>4219</v>
      </c>
      <c r="H30" s="71">
        <v>-2317</v>
      </c>
      <c r="I30" s="71">
        <v>3326</v>
      </c>
      <c r="J30" s="71">
        <v>1250</v>
      </c>
      <c r="K30" s="71">
        <v>1196</v>
      </c>
      <c r="L30" s="71">
        <v>2446</v>
      </c>
      <c r="M30" s="71">
        <v>5310</v>
      </c>
      <c r="N30" s="71">
        <v>4428</v>
      </c>
      <c r="O30" s="71">
        <v>3131</v>
      </c>
      <c r="P30" s="71">
        <v>7559</v>
      </c>
      <c r="Q30" s="71">
        <v>10005</v>
      </c>
      <c r="R30" s="71">
        <v>3870</v>
      </c>
      <c r="S30" s="71">
        <v>1359</v>
      </c>
      <c r="T30" s="71">
        <v>1146</v>
      </c>
      <c r="U30" s="71">
        <v>2505</v>
      </c>
      <c r="V30" s="71">
        <v>3742</v>
      </c>
      <c r="W30" s="71">
        <v>4191</v>
      </c>
      <c r="X30" s="71">
        <v>3009</v>
      </c>
      <c r="Y30" s="71">
        <v>7200</v>
      </c>
      <c r="Z30" s="71">
        <v>9705</v>
      </c>
      <c r="AA30" s="71">
        <v>300</v>
      </c>
      <c r="AB30" s="71">
        <v>-2017</v>
      </c>
      <c r="AC30" s="72"/>
      <c r="AD30" s="72"/>
      <c r="AE30" s="72"/>
      <c r="AF30" s="73"/>
    </row>
    <row r="31" spans="1:32" x14ac:dyDescent="0.2">
      <c r="H31" s="74"/>
      <c r="I31" s="74"/>
      <c r="J31" s="74"/>
      <c r="K31" s="74"/>
      <c r="L31" s="74"/>
      <c r="M31" s="74"/>
      <c r="N31" s="74"/>
      <c r="O31" s="74"/>
      <c r="P31" s="74"/>
      <c r="Q31" s="74"/>
      <c r="R31" s="74"/>
      <c r="S31" s="74"/>
      <c r="T31" s="74"/>
      <c r="U31" s="74"/>
      <c r="V31" s="74"/>
      <c r="W31" s="74"/>
      <c r="X31" s="74"/>
      <c r="Y31" s="74"/>
      <c r="Z31" s="74"/>
      <c r="AA31" s="74"/>
      <c r="AB31" s="74"/>
      <c r="AC31" s="74"/>
      <c r="AD31" s="74"/>
      <c r="AE31" s="74"/>
      <c r="AF31" s="74"/>
    </row>
    <row r="32" spans="1:32" x14ac:dyDescent="0.2">
      <c r="B32" s="75" t="s">
        <v>30</v>
      </c>
      <c r="E32" s="74"/>
      <c r="F32" s="74"/>
      <c r="G32" s="74"/>
      <c r="H32" s="74"/>
      <c r="I32" s="74"/>
      <c r="J32" s="74"/>
      <c r="K32" s="74"/>
      <c r="L32" s="74"/>
      <c r="M32" s="74"/>
      <c r="N32" s="74"/>
      <c r="O32" s="74"/>
      <c r="P32" s="74"/>
      <c r="Q32" s="74"/>
      <c r="R32" s="74"/>
      <c r="S32" s="74"/>
      <c r="T32" s="74"/>
      <c r="U32" s="74"/>
      <c r="V32" s="74"/>
      <c r="W32" s="74"/>
      <c r="X32" s="74"/>
      <c r="Y32" s="74"/>
      <c r="AA32" s="74"/>
      <c r="AB32" s="76"/>
      <c r="AC32" s="76"/>
      <c r="AD32" s="76"/>
      <c r="AE32" s="76"/>
      <c r="AF32" s="76"/>
    </row>
    <row r="33" spans="2:2" x14ac:dyDescent="0.2">
      <c r="B33" s="75" t="s">
        <v>31</v>
      </c>
    </row>
    <row r="34" spans="2:2" x14ac:dyDescent="0.2">
      <c r="B34" s="75" t="s">
        <v>32</v>
      </c>
    </row>
    <row r="35" spans="2:2" x14ac:dyDescent="0.2">
      <c r="B35" s="75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10-03T06:14:16Z</dcterms:created>
  <dcterms:modified xsi:type="dcterms:W3CDTF">2023-10-03T06:14:17Z</dcterms:modified>
</cp:coreProperties>
</file>